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2\HP2602\"/>
    </mc:Choice>
  </mc:AlternateContent>
  <xr:revisionPtr revIDLastSave="0" documentId="13_ncr:1_{1E653BDE-C0F3-42BE-9218-96D7568EB8D4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jinko" sheetId="2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98" uniqueCount="34">
  <si>
    <t>計</t>
  </si>
  <si>
    <t>ｋ㎡</t>
  </si>
  <si>
    <t>月</t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8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8"/>
  </si>
  <si>
    <t>自　　然　　動　　態</t>
    <rPh sb="6" eb="7">
      <t>ドウ</t>
    </rPh>
    <rPh sb="9" eb="10">
      <t>タイ</t>
    </rPh>
    <phoneticPr fontId="8"/>
  </si>
  <si>
    <t>出　　　　生</t>
  </si>
  <si>
    <t>県　　　　内</t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8"/>
  </si>
  <si>
    <t>月末日現在</t>
  </si>
  <si>
    <t>男</t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8"/>
  </si>
  <si>
    <t>女</t>
  </si>
  <si>
    <t>死　　　　　亡</t>
  </si>
  <si>
    <t>増減</t>
  </si>
  <si>
    <t>世帯</t>
  </si>
  <si>
    <t>Ａ</t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8"/>
  </si>
  <si>
    <t>転　　　　　　　　　　　　　　　　　　　　入</t>
  </si>
  <si>
    <t>男</t>
    <rPh sb="0" eb="1">
      <t>オトコ</t>
    </rPh>
    <phoneticPr fontId="8"/>
  </si>
  <si>
    <t>住民基本台帳人口</t>
  </si>
  <si>
    <t>人</t>
  </si>
  <si>
    <t>（令和８年　　月別動態別人口）</t>
    <rPh sb="1" eb="3">
      <t>レイワ</t>
    </rPh>
    <phoneticPr fontId="8"/>
  </si>
  <si>
    <t>富山市の人口</t>
  </si>
  <si>
    <t>人口</t>
  </si>
  <si>
    <t>Ｂ</t>
  </si>
  <si>
    <t>面積</t>
  </si>
  <si>
    <t>県　　　　外</t>
  </si>
  <si>
    <t>令和　　8　  年</t>
    <rPh sb="0" eb="2">
      <t>レイワ</t>
    </rPh>
    <phoneticPr fontId="8"/>
  </si>
  <si>
    <t>内外</t>
  </si>
  <si>
    <t>月末現在　世帯数及び人口</t>
  </si>
  <si>
    <t>転　　　　　　　　　　　　　　　　　　　　出</t>
  </si>
  <si>
    <t>Ａ＋Ｂ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####"/>
    <numFmt numFmtId="177" formatCode="#,###"/>
    <numFmt numFmtId="178" formatCode="##,###"/>
    <numFmt numFmtId="179" formatCode="0.00_ "/>
    <numFmt numFmtId="180" formatCode="#,##0_ "/>
  </numFmts>
  <fonts count="9" x14ac:knownFonts="1">
    <font>
      <sz val="11"/>
      <name val="ＭＳ 明朝"/>
      <family val="1"/>
    </font>
    <font>
      <sz val="6"/>
      <name val="ＭＳ 明朝"/>
      <family val="1"/>
    </font>
    <font>
      <sz val="10"/>
      <name val="ＭＳ 明朝"/>
      <family val="1"/>
    </font>
    <font>
      <sz val="18"/>
      <name val="ＭＳ 明朝"/>
      <family val="1"/>
    </font>
    <font>
      <sz val="20"/>
      <name val="ＭＳ 明朝"/>
      <family val="1"/>
    </font>
    <font>
      <sz val="20"/>
      <name val="ＭＳ Ｐゴシック"/>
      <family val="3"/>
    </font>
    <font>
      <b/>
      <sz val="28"/>
      <name val="ＭＳ 明朝"/>
      <family val="1"/>
    </font>
    <font>
      <sz val="28"/>
      <name val="ＭＳ 明朝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69">
    <xf numFmtId="0" fontId="0" fillId="0" borderId="0" xfId="0"/>
    <xf numFmtId="0" fontId="0" fillId="0" borderId="0" xfId="0" applyFont="1" applyAlignment="1">
      <alignment horizontal="center" vertical="center"/>
    </xf>
    <xf numFmtId="0" fontId="0" fillId="0" borderId="0" xfId="0" applyFont="1" applyAlignment="1">
      <alignment vertical="center"/>
    </xf>
    <xf numFmtId="0" fontId="0" fillId="0" borderId="3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176" fontId="0" fillId="2" borderId="11" xfId="0" applyNumberFormat="1" applyFont="1" applyFill="1" applyBorder="1" applyAlignment="1" applyProtection="1">
      <alignment horizontal="right" vertical="center"/>
      <protection locked="0"/>
    </xf>
    <xf numFmtId="176" fontId="0" fillId="2" borderId="12" xfId="0" applyNumberFormat="1" applyFont="1" applyFill="1" applyBorder="1" applyAlignment="1" applyProtection="1">
      <alignment horizontal="right" vertical="center"/>
      <protection locked="0"/>
    </xf>
    <xf numFmtId="176" fontId="0" fillId="2" borderId="13" xfId="0" applyNumberFormat="1" applyFont="1" applyFill="1" applyBorder="1" applyAlignment="1" applyProtection="1">
      <alignment horizontal="right" vertical="center"/>
      <protection locked="0"/>
    </xf>
    <xf numFmtId="176" fontId="0" fillId="0" borderId="14" xfId="0" applyNumberFormat="1" applyFont="1" applyBorder="1" applyAlignment="1">
      <alignment horizontal="right" vertical="center"/>
    </xf>
    <xf numFmtId="0" fontId="2" fillId="0" borderId="0" xfId="0" applyFont="1" applyAlignment="1">
      <alignment vertical="center"/>
    </xf>
    <xf numFmtId="0" fontId="0" fillId="0" borderId="14" xfId="0" applyFont="1" applyBorder="1" applyAlignment="1">
      <alignment horizontal="center" vertical="center"/>
    </xf>
    <xf numFmtId="176" fontId="0" fillId="0" borderId="11" xfId="0" applyNumberFormat="1" applyFont="1" applyBorder="1" applyAlignment="1">
      <alignment horizontal="right" vertical="center"/>
    </xf>
    <xf numFmtId="176" fontId="0" fillId="0" borderId="12" xfId="0" applyNumberFormat="1" applyFont="1" applyBorder="1" applyAlignment="1">
      <alignment horizontal="right" vertical="center"/>
    </xf>
    <xf numFmtId="176" fontId="0" fillId="0" borderId="13" xfId="0" applyNumberFormat="1" applyFont="1" applyBorder="1" applyAlignment="1">
      <alignment horizontal="right" vertical="center"/>
    </xf>
    <xf numFmtId="177" fontId="0" fillId="0" borderId="0" xfId="0" applyNumberFormat="1" applyFont="1" applyAlignment="1">
      <alignment horizontal="right" vertical="center"/>
    </xf>
    <xf numFmtId="0" fontId="0" fillId="0" borderId="21" xfId="0" applyFont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0" fillId="0" borderId="0" xfId="0" applyFont="1" applyAlignment="1">
      <alignment horizontal="distributed" vertical="center"/>
    </xf>
    <xf numFmtId="0" fontId="3" fillId="0" borderId="0" xfId="0" applyFont="1" applyAlignment="1">
      <alignment vertical="center"/>
    </xf>
    <xf numFmtId="0" fontId="7" fillId="0" borderId="0" xfId="0" applyFont="1" applyAlignment="1">
      <alignment horizontal="distributed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Fill="1" applyAlignment="1" applyProtection="1">
      <alignment vertical="center"/>
      <protection locked="0"/>
    </xf>
    <xf numFmtId="180" fontId="3" fillId="0" borderId="0" xfId="0" applyNumberFormat="1" applyFont="1" applyAlignment="1">
      <alignment vertical="center"/>
    </xf>
    <xf numFmtId="0" fontId="0" fillId="0" borderId="29" xfId="0" applyFont="1" applyBorder="1" applyAlignment="1">
      <alignment vertical="center"/>
    </xf>
    <xf numFmtId="177" fontId="0" fillId="0" borderId="0" xfId="0" applyNumberFormat="1" applyFont="1" applyAlignment="1" applyProtection="1">
      <alignment horizontal="right" vertical="center"/>
    </xf>
    <xf numFmtId="0" fontId="0" fillId="0" borderId="30" xfId="0" applyFont="1" applyBorder="1" applyAlignment="1">
      <alignment vertical="center"/>
    </xf>
    <xf numFmtId="177" fontId="0" fillId="0" borderId="11" xfId="0" applyNumberFormat="1" applyFont="1" applyBorder="1" applyAlignment="1">
      <alignment horizontal="right" vertical="center"/>
    </xf>
    <xf numFmtId="177" fontId="0" fillId="0" borderId="12" xfId="0" applyNumberFormat="1" applyFont="1" applyBorder="1" applyAlignment="1">
      <alignment horizontal="right" vertical="center"/>
    </xf>
    <xf numFmtId="177" fontId="0" fillId="0" borderId="13" xfId="0" applyNumberFormat="1" applyFont="1" applyBorder="1" applyAlignment="1">
      <alignment horizontal="right" vertical="center"/>
    </xf>
    <xf numFmtId="176" fontId="0" fillId="0" borderId="14" xfId="0" applyNumberFormat="1" applyFont="1" applyBorder="1" applyAlignment="1">
      <alignment horizontal="center" vertical="center"/>
    </xf>
    <xf numFmtId="0" fontId="0" fillId="0" borderId="32" xfId="0" applyFont="1" applyBorder="1" applyAlignment="1">
      <alignment vertical="center"/>
    </xf>
    <xf numFmtId="0" fontId="0" fillId="0" borderId="35" xfId="0" applyFont="1" applyBorder="1" applyAlignment="1">
      <alignment horizontal="center" vertical="center"/>
    </xf>
    <xf numFmtId="177" fontId="0" fillId="0" borderId="36" xfId="0" applyNumberFormat="1" applyFont="1" applyBorder="1" applyAlignment="1">
      <alignment horizontal="right" vertical="center"/>
    </xf>
    <xf numFmtId="177" fontId="0" fillId="0" borderId="37" xfId="0" applyNumberFormat="1" applyFont="1" applyBorder="1" applyAlignment="1">
      <alignment horizontal="right" vertical="center"/>
    </xf>
    <xf numFmtId="177" fontId="0" fillId="0" borderId="38" xfId="0" applyNumberFormat="1" applyFont="1" applyBorder="1" applyAlignment="1">
      <alignment horizontal="right" vertical="center"/>
    </xf>
    <xf numFmtId="176" fontId="0" fillId="0" borderId="35" xfId="0" applyNumberFormat="1" applyFont="1" applyBorder="1" applyAlignment="1">
      <alignment horizontal="center" vertical="center"/>
    </xf>
    <xf numFmtId="0" fontId="6" fillId="0" borderId="26" xfId="0" applyFont="1" applyBorder="1" applyAlignment="1">
      <alignment horizontal="distributed" vertical="center"/>
    </xf>
    <xf numFmtId="0" fontId="6" fillId="0" borderId="27" xfId="0" applyFont="1" applyBorder="1" applyAlignment="1">
      <alignment horizontal="distributed" vertical="center"/>
    </xf>
    <xf numFmtId="0" fontId="6" fillId="0" borderId="28" xfId="0" applyFont="1" applyBorder="1" applyAlignment="1">
      <alignment horizontal="distributed" vertical="center"/>
    </xf>
    <xf numFmtId="0" fontId="3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3" fillId="0" borderId="0" xfId="0" applyFont="1" applyAlignment="1">
      <alignment horizontal="distributed" vertical="center"/>
    </xf>
    <xf numFmtId="178" fontId="3" fillId="0" borderId="0" xfId="0" applyNumberFormat="1" applyFont="1" applyAlignment="1">
      <alignment horizontal="right" vertical="center"/>
    </xf>
    <xf numFmtId="179" fontId="3" fillId="2" borderId="0" xfId="0" applyNumberFormat="1" applyFont="1" applyFill="1" applyAlignment="1" applyProtection="1">
      <alignment horizontal="right" vertical="center"/>
      <protection locked="0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distributed" vertical="center"/>
    </xf>
    <xf numFmtId="0" fontId="0" fillId="0" borderId="7" xfId="0" applyFont="1" applyBorder="1" applyAlignment="1">
      <alignment horizontal="center" vertical="center"/>
    </xf>
    <xf numFmtId="0" fontId="0" fillId="0" borderId="15" xfId="0" applyFont="1" applyBorder="1" applyAlignment="1">
      <alignment horizontal="center" vertical="center"/>
    </xf>
    <xf numFmtId="0" fontId="0" fillId="0" borderId="20" xfId="0" applyFont="1" applyBorder="1" applyAlignment="1">
      <alignment horizontal="center" vertical="center"/>
    </xf>
    <xf numFmtId="0" fontId="0" fillId="0" borderId="23" xfId="0" applyFont="1" applyBorder="1" applyAlignment="1">
      <alignment horizontal="center" vertical="center"/>
    </xf>
    <xf numFmtId="0" fontId="0" fillId="0" borderId="24" xfId="0" applyFont="1" applyBorder="1" applyAlignment="1">
      <alignment horizontal="center" vertical="center"/>
    </xf>
    <xf numFmtId="0" fontId="0" fillId="0" borderId="25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1" xfId="0" applyFont="1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31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0" borderId="34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標準">
  <a:themeElements>
    <a:clrScheme name="標準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標準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標準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5" x14ac:dyDescent="0.15"/>
  <cols>
    <col min="1" max="1" width="3.625" style="1" customWidth="1"/>
    <col min="2" max="7" width="5.625" style="2" customWidth="1"/>
    <col min="8" max="8" width="6.375" style="2" customWidth="1"/>
    <col min="9" max="16" width="5.625" style="2" customWidth="1"/>
    <col min="17" max="17" width="6.625" style="2" customWidth="1"/>
    <col min="18" max="25" width="5.625" style="2" customWidth="1"/>
    <col min="26" max="28" width="6.625" style="2" customWidth="1"/>
    <col min="29" max="32" width="8.625" style="2" customWidth="1"/>
    <col min="33" max="16384" width="9" style="2"/>
  </cols>
  <sheetData>
    <row r="1" spans="1:32" ht="41.25" customHeight="1" x14ac:dyDescent="0.15">
      <c r="L1" s="20"/>
      <c r="M1" s="39" t="s">
        <v>23</v>
      </c>
      <c r="N1" s="40"/>
      <c r="O1" s="40"/>
      <c r="P1" s="40"/>
      <c r="Q1" s="40"/>
      <c r="R1" s="40"/>
      <c r="S1" s="40"/>
      <c r="T1" s="40"/>
      <c r="U1" s="40"/>
      <c r="V1" s="40"/>
      <c r="W1" s="41"/>
    </row>
    <row r="2" spans="1:32" ht="24.75" customHeight="1" x14ac:dyDescent="0.15">
      <c r="L2" s="20"/>
      <c r="M2" s="22"/>
      <c r="N2" s="20"/>
      <c r="O2" s="20"/>
      <c r="P2" s="20"/>
      <c r="Q2" s="20"/>
      <c r="R2" s="20"/>
      <c r="S2" s="20"/>
      <c r="T2" s="20"/>
      <c r="U2" s="20"/>
      <c r="V2" s="20"/>
      <c r="W2" s="20"/>
    </row>
    <row r="3" spans="1:32" ht="24.95" customHeight="1" x14ac:dyDescent="0.15">
      <c r="K3" s="42" t="s">
        <v>20</v>
      </c>
      <c r="L3" s="43"/>
      <c r="M3" s="43"/>
      <c r="N3" s="43"/>
      <c r="O3" s="43"/>
      <c r="P3" s="42" t="s">
        <v>28</v>
      </c>
      <c r="Q3" s="43"/>
      <c r="R3" s="43"/>
      <c r="S3" s="43"/>
      <c r="T3" s="43"/>
      <c r="U3" s="24">
        <v>2</v>
      </c>
      <c r="V3" s="21" t="s">
        <v>9</v>
      </c>
      <c r="W3" s="21"/>
    </row>
    <row r="4" spans="1:32" ht="24.95" customHeight="1" x14ac:dyDescent="0.15">
      <c r="L4" s="21"/>
      <c r="M4" s="21"/>
      <c r="N4" s="21"/>
      <c r="O4" s="21"/>
      <c r="P4" s="21"/>
      <c r="Q4" s="21"/>
      <c r="R4" s="21"/>
      <c r="S4" s="21"/>
      <c r="T4" s="21"/>
      <c r="U4" s="21"/>
      <c r="V4" s="21"/>
      <c r="W4" s="21"/>
    </row>
    <row r="5" spans="1:32" ht="24.95" customHeight="1" x14ac:dyDescent="0.15">
      <c r="L5" s="21"/>
      <c r="M5" s="44" t="s">
        <v>15</v>
      </c>
      <c r="N5" s="44"/>
      <c r="O5" s="44"/>
      <c r="P5" s="21"/>
      <c r="Q5" s="21"/>
      <c r="R5" s="45">
        <v>188100</v>
      </c>
      <c r="S5" s="45"/>
      <c r="T5" s="45"/>
      <c r="U5" s="25"/>
      <c r="V5" s="23" t="s">
        <v>15</v>
      </c>
      <c r="W5" s="21"/>
    </row>
    <row r="6" spans="1:32" ht="24.95" customHeight="1" x14ac:dyDescent="0.15">
      <c r="L6" s="21"/>
      <c r="M6" s="44" t="s">
        <v>24</v>
      </c>
      <c r="N6" s="44"/>
      <c r="O6" s="44"/>
      <c r="P6" s="21"/>
      <c r="Q6" s="21"/>
      <c r="R6" s="45">
        <v>400825</v>
      </c>
      <c r="S6" s="45"/>
      <c r="T6" s="45"/>
      <c r="U6" s="19"/>
      <c r="V6" s="23" t="s">
        <v>21</v>
      </c>
      <c r="W6" s="21"/>
    </row>
    <row r="7" spans="1:32" ht="24.95" customHeight="1" x14ac:dyDescent="0.15">
      <c r="L7" s="21"/>
      <c r="M7" s="21"/>
      <c r="N7" s="23" t="s">
        <v>10</v>
      </c>
      <c r="O7" s="21"/>
      <c r="P7" s="21"/>
      <c r="Q7" s="21"/>
      <c r="R7" s="45">
        <v>195842</v>
      </c>
      <c r="S7" s="45"/>
      <c r="T7" s="45"/>
      <c r="U7" s="19"/>
      <c r="V7" s="23" t="s">
        <v>21</v>
      </c>
      <c r="W7" s="21"/>
    </row>
    <row r="8" spans="1:32" ht="24.95" customHeight="1" x14ac:dyDescent="0.15">
      <c r="L8" s="21"/>
      <c r="M8" s="21"/>
      <c r="N8" s="23" t="s">
        <v>12</v>
      </c>
      <c r="O8" s="21"/>
      <c r="P8" s="21"/>
      <c r="Q8" s="21"/>
      <c r="R8" s="45">
        <v>204983</v>
      </c>
      <c r="S8" s="45"/>
      <c r="T8" s="45"/>
      <c r="U8" s="19"/>
      <c r="V8" s="23" t="s">
        <v>21</v>
      </c>
      <c r="W8" s="21"/>
    </row>
    <row r="9" spans="1:32" ht="14.25" customHeight="1" x14ac:dyDescent="0.15">
      <c r="L9" s="21"/>
      <c r="M9" s="21"/>
      <c r="N9" s="21"/>
      <c r="O9" s="21"/>
      <c r="P9" s="21"/>
      <c r="Q9" s="21"/>
      <c r="R9" s="21"/>
      <c r="S9" s="21"/>
      <c r="T9" s="21"/>
      <c r="U9" s="21"/>
      <c r="V9" s="23"/>
      <c r="W9" s="21"/>
    </row>
    <row r="10" spans="1:32" ht="24.95" customHeight="1" x14ac:dyDescent="0.15">
      <c r="L10" s="21"/>
      <c r="M10" s="44" t="s">
        <v>26</v>
      </c>
      <c r="N10" s="44"/>
      <c r="O10" s="44"/>
      <c r="P10" s="21"/>
      <c r="Q10" s="21"/>
      <c r="R10" s="46">
        <v>1241.71</v>
      </c>
      <c r="S10" s="46"/>
      <c r="T10" s="46"/>
      <c r="U10" s="21"/>
      <c r="V10" s="23" t="s">
        <v>1</v>
      </c>
      <c r="W10" s="21"/>
    </row>
    <row r="11" spans="1:32" ht="24.95" customHeight="1" x14ac:dyDescent="0.15">
      <c r="L11" s="21"/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</row>
    <row r="12" spans="1:32" ht="24.95" customHeight="1" x14ac:dyDescent="0.15">
      <c r="K12" s="47" t="s">
        <v>22</v>
      </c>
      <c r="L12" s="48"/>
      <c r="M12" s="48"/>
      <c r="N12" s="48"/>
      <c r="O12" s="48"/>
      <c r="P12" s="48"/>
      <c r="Q12" s="48"/>
      <c r="R12" s="48"/>
      <c r="S12" s="48"/>
      <c r="T12" s="48"/>
      <c r="U12" s="48"/>
      <c r="V12" s="48"/>
      <c r="W12" s="48"/>
      <c r="X12" s="48"/>
    </row>
    <row r="13" spans="1:32" ht="24.95" customHeight="1" x14ac:dyDescent="0.15"/>
    <row r="14" spans="1:32" ht="20.100000000000001" customHeight="1" x14ac:dyDescent="0.15">
      <c r="A14" s="55"/>
      <c r="B14" s="49" t="s">
        <v>5</v>
      </c>
      <c r="C14" s="50"/>
      <c r="D14" s="50"/>
      <c r="E14" s="50"/>
      <c r="F14" s="50"/>
      <c r="G14" s="50"/>
      <c r="H14" s="51"/>
      <c r="I14" s="49" t="s">
        <v>17</v>
      </c>
      <c r="J14" s="50"/>
      <c r="K14" s="50"/>
      <c r="L14" s="50"/>
      <c r="M14" s="50"/>
      <c r="N14" s="50"/>
      <c r="O14" s="50"/>
      <c r="P14" s="50"/>
      <c r="Q14" s="50"/>
      <c r="R14" s="50"/>
      <c r="S14" s="50"/>
      <c r="T14" s="50"/>
      <c r="U14" s="50"/>
      <c r="V14" s="50"/>
      <c r="W14" s="50"/>
      <c r="X14" s="50"/>
      <c r="Y14" s="50"/>
      <c r="Z14" s="50"/>
      <c r="AA14" s="51"/>
      <c r="AB14" s="26"/>
      <c r="AC14" s="28"/>
      <c r="AD14" s="28"/>
      <c r="AE14" s="28"/>
      <c r="AF14" s="33"/>
    </row>
    <row r="15" spans="1:32" ht="20.100000000000001" customHeight="1" x14ac:dyDescent="0.15">
      <c r="A15" s="56"/>
      <c r="B15" s="57" t="s">
        <v>6</v>
      </c>
      <c r="C15" s="58"/>
      <c r="D15" s="59"/>
      <c r="E15" s="57" t="s">
        <v>13</v>
      </c>
      <c r="F15" s="58"/>
      <c r="G15" s="59"/>
      <c r="H15" s="63" t="s">
        <v>14</v>
      </c>
      <c r="I15" s="52" t="s">
        <v>18</v>
      </c>
      <c r="J15" s="53"/>
      <c r="K15" s="53"/>
      <c r="L15" s="53"/>
      <c r="M15" s="53"/>
      <c r="N15" s="53"/>
      <c r="O15" s="53"/>
      <c r="P15" s="53"/>
      <c r="Q15" s="54"/>
      <c r="R15" s="52" t="s">
        <v>31</v>
      </c>
      <c r="S15" s="53"/>
      <c r="T15" s="53"/>
      <c r="U15" s="53"/>
      <c r="V15" s="53"/>
      <c r="W15" s="53"/>
      <c r="X15" s="53"/>
      <c r="Y15" s="53"/>
      <c r="Z15" s="54"/>
      <c r="AA15" s="63" t="s">
        <v>14</v>
      </c>
      <c r="AB15" s="64" t="s">
        <v>14</v>
      </c>
      <c r="AC15" s="65" t="s">
        <v>30</v>
      </c>
      <c r="AD15" s="66"/>
      <c r="AE15" s="66"/>
      <c r="AF15" s="67"/>
    </row>
    <row r="16" spans="1:32" ht="20.100000000000001" customHeight="1" x14ac:dyDescent="0.15">
      <c r="A16" s="56"/>
      <c r="B16" s="60"/>
      <c r="C16" s="61"/>
      <c r="D16" s="62"/>
      <c r="E16" s="60"/>
      <c r="F16" s="61"/>
      <c r="G16" s="62"/>
      <c r="H16" s="64"/>
      <c r="I16" s="52" t="s">
        <v>7</v>
      </c>
      <c r="J16" s="53"/>
      <c r="K16" s="53"/>
      <c r="L16" s="54"/>
      <c r="M16" s="52" t="s">
        <v>27</v>
      </c>
      <c r="N16" s="53"/>
      <c r="O16" s="53"/>
      <c r="P16" s="54"/>
      <c r="Q16" s="18" t="s">
        <v>29</v>
      </c>
      <c r="R16" s="52" t="s">
        <v>7</v>
      </c>
      <c r="S16" s="53"/>
      <c r="T16" s="53"/>
      <c r="U16" s="54"/>
      <c r="V16" s="52" t="s">
        <v>27</v>
      </c>
      <c r="W16" s="53"/>
      <c r="X16" s="53"/>
      <c r="Y16" s="54"/>
      <c r="Z16" s="18" t="s">
        <v>29</v>
      </c>
      <c r="AA16" s="64"/>
      <c r="AB16" s="64"/>
      <c r="AC16" s="60"/>
      <c r="AD16" s="61"/>
      <c r="AE16" s="61"/>
      <c r="AF16" s="68"/>
    </row>
    <row r="17" spans="1:32" ht="20.100000000000001" customHeight="1" x14ac:dyDescent="0.15">
      <c r="A17" s="3" t="s">
        <v>2</v>
      </c>
      <c r="B17" s="7" t="s">
        <v>10</v>
      </c>
      <c r="C17" s="13" t="s">
        <v>12</v>
      </c>
      <c r="D17" s="13" t="s">
        <v>0</v>
      </c>
      <c r="E17" s="13" t="s">
        <v>10</v>
      </c>
      <c r="F17" s="13" t="s">
        <v>12</v>
      </c>
      <c r="G17" s="13" t="s">
        <v>0</v>
      </c>
      <c r="H17" s="7" t="s">
        <v>16</v>
      </c>
      <c r="I17" s="13" t="s">
        <v>15</v>
      </c>
      <c r="J17" s="13" t="s">
        <v>19</v>
      </c>
      <c r="K17" s="13" t="s">
        <v>12</v>
      </c>
      <c r="L17" s="13" t="s">
        <v>0</v>
      </c>
      <c r="M17" s="13" t="s">
        <v>15</v>
      </c>
      <c r="N17" s="13" t="s">
        <v>10</v>
      </c>
      <c r="O17" s="13" t="s">
        <v>12</v>
      </c>
      <c r="P17" s="13" t="s">
        <v>0</v>
      </c>
      <c r="Q17" s="7" t="s">
        <v>0</v>
      </c>
      <c r="R17" s="13" t="s">
        <v>15</v>
      </c>
      <c r="S17" s="13" t="s">
        <v>10</v>
      </c>
      <c r="T17" s="13" t="s">
        <v>12</v>
      </c>
      <c r="U17" s="13" t="s">
        <v>0</v>
      </c>
      <c r="V17" s="13" t="s">
        <v>15</v>
      </c>
      <c r="W17" s="13" t="s">
        <v>10</v>
      </c>
      <c r="X17" s="13" t="s">
        <v>12</v>
      </c>
      <c r="Y17" s="13" t="s">
        <v>0</v>
      </c>
      <c r="Z17" s="7" t="s">
        <v>0</v>
      </c>
      <c r="AA17" s="7" t="s">
        <v>25</v>
      </c>
      <c r="AB17" s="7" t="s">
        <v>32</v>
      </c>
      <c r="AC17" s="7" t="s">
        <v>15</v>
      </c>
      <c r="AD17" s="13" t="s">
        <v>10</v>
      </c>
      <c r="AE17" s="13" t="s">
        <v>12</v>
      </c>
      <c r="AF17" s="34" t="s">
        <v>0</v>
      </c>
    </row>
    <row r="18" spans="1:32" ht="20.100000000000001" customHeight="1" x14ac:dyDescent="0.15">
      <c r="A18" s="4">
        <v>1</v>
      </c>
      <c r="B18" s="8">
        <v>83</v>
      </c>
      <c r="C18" s="8">
        <v>109</v>
      </c>
      <c r="D18" s="14">
        <v>192</v>
      </c>
      <c r="E18" s="8">
        <v>272</v>
      </c>
      <c r="F18" s="8">
        <v>288</v>
      </c>
      <c r="G18" s="14">
        <v>560</v>
      </c>
      <c r="H18" s="14">
        <v>-368</v>
      </c>
      <c r="I18" s="8">
        <v>335</v>
      </c>
      <c r="J18" s="8">
        <v>114</v>
      </c>
      <c r="K18" s="8">
        <v>124</v>
      </c>
      <c r="L18" s="14">
        <v>238</v>
      </c>
      <c r="M18" s="8">
        <v>365</v>
      </c>
      <c r="N18" s="8">
        <v>311</v>
      </c>
      <c r="O18" s="8">
        <v>222</v>
      </c>
      <c r="P18" s="14">
        <v>533</v>
      </c>
      <c r="Q18" s="14">
        <v>771</v>
      </c>
      <c r="R18" s="8">
        <v>441</v>
      </c>
      <c r="S18" s="8">
        <v>125</v>
      </c>
      <c r="T18" s="8">
        <v>78</v>
      </c>
      <c r="U18" s="14">
        <v>203</v>
      </c>
      <c r="V18" s="8">
        <v>342</v>
      </c>
      <c r="W18" s="8">
        <v>323</v>
      </c>
      <c r="X18" s="8">
        <v>240</v>
      </c>
      <c r="Y18" s="14">
        <v>563</v>
      </c>
      <c r="Z18" s="14">
        <v>766</v>
      </c>
      <c r="AA18" s="14">
        <v>5</v>
      </c>
      <c r="AB18" s="14">
        <v>-363</v>
      </c>
      <c r="AC18" s="29">
        <v>188029</v>
      </c>
      <c r="AD18" s="29">
        <v>195965</v>
      </c>
      <c r="AE18" s="29">
        <v>205108</v>
      </c>
      <c r="AF18" s="35">
        <v>401073</v>
      </c>
    </row>
    <row r="19" spans="1:32" ht="20.100000000000001" customHeight="1" x14ac:dyDescent="0.15">
      <c r="A19" s="5">
        <v>2</v>
      </c>
      <c r="B19" s="9">
        <v>96</v>
      </c>
      <c r="C19" s="9">
        <v>70</v>
      </c>
      <c r="D19" s="15">
        <v>166</v>
      </c>
      <c r="E19" s="9">
        <v>234</v>
      </c>
      <c r="F19" s="9">
        <v>221</v>
      </c>
      <c r="G19" s="15">
        <v>455</v>
      </c>
      <c r="H19" s="15">
        <v>-289</v>
      </c>
      <c r="I19" s="9">
        <v>331</v>
      </c>
      <c r="J19" s="9">
        <v>109</v>
      </c>
      <c r="K19" s="9">
        <v>110</v>
      </c>
      <c r="L19" s="15">
        <v>219</v>
      </c>
      <c r="M19" s="9">
        <v>511</v>
      </c>
      <c r="N19" s="9">
        <v>393</v>
      </c>
      <c r="O19" s="9">
        <v>271</v>
      </c>
      <c r="P19" s="15">
        <v>664</v>
      </c>
      <c r="Q19" s="15">
        <v>883</v>
      </c>
      <c r="R19" s="9">
        <v>364</v>
      </c>
      <c r="S19" s="9">
        <v>98</v>
      </c>
      <c r="T19" s="9">
        <v>90</v>
      </c>
      <c r="U19" s="15">
        <v>188</v>
      </c>
      <c r="V19" s="9">
        <v>407</v>
      </c>
      <c r="W19" s="9">
        <v>389</v>
      </c>
      <c r="X19" s="9">
        <v>265</v>
      </c>
      <c r="Y19" s="15">
        <v>654</v>
      </c>
      <c r="Z19" s="15">
        <v>842</v>
      </c>
      <c r="AA19" s="15">
        <v>41</v>
      </c>
      <c r="AB19" s="15">
        <v>-248</v>
      </c>
      <c r="AC19" s="30">
        <v>188100</v>
      </c>
      <c r="AD19" s="30">
        <v>195842</v>
      </c>
      <c r="AE19" s="30">
        <v>204983</v>
      </c>
      <c r="AF19" s="36">
        <v>400825</v>
      </c>
    </row>
    <row r="20" spans="1:32" ht="20.100000000000001" customHeight="1" x14ac:dyDescent="0.15">
      <c r="A20" s="5">
        <v>3</v>
      </c>
      <c r="B20" s="9"/>
      <c r="C20" s="9"/>
      <c r="D20" s="15">
        <v>0</v>
      </c>
      <c r="E20" s="9"/>
      <c r="F20" s="9"/>
      <c r="G20" s="15">
        <v>0</v>
      </c>
      <c r="H20" s="15">
        <v>0</v>
      </c>
      <c r="I20" s="9"/>
      <c r="J20" s="9"/>
      <c r="K20" s="9"/>
      <c r="L20" s="15">
        <v>0</v>
      </c>
      <c r="M20" s="9"/>
      <c r="N20" s="9"/>
      <c r="O20" s="9"/>
      <c r="P20" s="15">
        <v>0</v>
      </c>
      <c r="Q20" s="15">
        <v>0</v>
      </c>
      <c r="R20" s="9"/>
      <c r="S20" s="9"/>
      <c r="T20" s="9"/>
      <c r="U20" s="15">
        <v>0</v>
      </c>
      <c r="V20" s="9"/>
      <c r="W20" s="9"/>
      <c r="X20" s="9"/>
      <c r="Y20" s="15">
        <v>0</v>
      </c>
      <c r="Z20" s="15">
        <v>0</v>
      </c>
      <c r="AA20" s="15">
        <v>0</v>
      </c>
      <c r="AB20" s="15">
        <v>0</v>
      </c>
      <c r="AC20" s="30" t="s">
        <v>33</v>
      </c>
      <c r="AD20" s="30" t="s">
        <v>33</v>
      </c>
      <c r="AE20" s="30" t="s">
        <v>33</v>
      </c>
      <c r="AF20" s="36">
        <v>0</v>
      </c>
    </row>
    <row r="21" spans="1:32" ht="20.100000000000001" customHeight="1" x14ac:dyDescent="0.15">
      <c r="A21" s="5">
        <v>4</v>
      </c>
      <c r="B21" s="9"/>
      <c r="C21" s="9"/>
      <c r="D21" s="15">
        <v>0</v>
      </c>
      <c r="E21" s="9"/>
      <c r="F21" s="9"/>
      <c r="G21" s="15">
        <v>0</v>
      </c>
      <c r="H21" s="15">
        <v>0</v>
      </c>
      <c r="I21" s="9"/>
      <c r="J21" s="9"/>
      <c r="K21" s="9"/>
      <c r="L21" s="15">
        <v>0</v>
      </c>
      <c r="M21" s="9"/>
      <c r="N21" s="9"/>
      <c r="O21" s="9"/>
      <c r="P21" s="15">
        <v>0</v>
      </c>
      <c r="Q21" s="15">
        <v>0</v>
      </c>
      <c r="R21" s="9"/>
      <c r="S21" s="9"/>
      <c r="T21" s="9"/>
      <c r="U21" s="15">
        <v>0</v>
      </c>
      <c r="V21" s="9"/>
      <c r="W21" s="9"/>
      <c r="X21" s="9"/>
      <c r="Y21" s="15">
        <v>0</v>
      </c>
      <c r="Z21" s="15">
        <v>0</v>
      </c>
      <c r="AA21" s="15">
        <v>0</v>
      </c>
      <c r="AB21" s="15">
        <v>0</v>
      </c>
      <c r="AC21" s="30" t="s">
        <v>33</v>
      </c>
      <c r="AD21" s="30" t="s">
        <v>33</v>
      </c>
      <c r="AE21" s="30" t="s">
        <v>33</v>
      </c>
      <c r="AF21" s="36">
        <v>0</v>
      </c>
    </row>
    <row r="22" spans="1:32" ht="20.100000000000001" customHeight="1" x14ac:dyDescent="0.15">
      <c r="A22" s="5">
        <v>5</v>
      </c>
      <c r="B22" s="9"/>
      <c r="C22" s="9"/>
      <c r="D22" s="15">
        <v>0</v>
      </c>
      <c r="E22" s="9"/>
      <c r="F22" s="9"/>
      <c r="G22" s="15">
        <v>0</v>
      </c>
      <c r="H22" s="15">
        <v>0</v>
      </c>
      <c r="I22" s="9"/>
      <c r="J22" s="9"/>
      <c r="K22" s="9"/>
      <c r="L22" s="15">
        <v>0</v>
      </c>
      <c r="M22" s="9"/>
      <c r="N22" s="9"/>
      <c r="O22" s="9"/>
      <c r="P22" s="15">
        <v>0</v>
      </c>
      <c r="Q22" s="15">
        <v>0</v>
      </c>
      <c r="R22" s="9"/>
      <c r="S22" s="9"/>
      <c r="T22" s="9"/>
      <c r="U22" s="15">
        <v>0</v>
      </c>
      <c r="V22" s="9"/>
      <c r="W22" s="9"/>
      <c r="X22" s="9"/>
      <c r="Y22" s="15">
        <v>0</v>
      </c>
      <c r="Z22" s="15">
        <v>0</v>
      </c>
      <c r="AA22" s="15">
        <v>0</v>
      </c>
      <c r="AB22" s="15">
        <v>0</v>
      </c>
      <c r="AC22" s="30" t="s">
        <v>33</v>
      </c>
      <c r="AD22" s="30" t="s">
        <v>33</v>
      </c>
      <c r="AE22" s="30" t="s">
        <v>33</v>
      </c>
      <c r="AF22" s="36">
        <v>0</v>
      </c>
    </row>
    <row r="23" spans="1:32" ht="20.100000000000001" customHeight="1" x14ac:dyDescent="0.15">
      <c r="A23" s="5">
        <v>6</v>
      </c>
      <c r="B23" s="9"/>
      <c r="C23" s="9"/>
      <c r="D23" s="15">
        <v>0</v>
      </c>
      <c r="E23" s="9"/>
      <c r="F23" s="9"/>
      <c r="G23" s="15">
        <v>0</v>
      </c>
      <c r="H23" s="15">
        <v>0</v>
      </c>
      <c r="I23" s="9"/>
      <c r="J23" s="9"/>
      <c r="K23" s="9"/>
      <c r="L23" s="15">
        <v>0</v>
      </c>
      <c r="M23" s="9"/>
      <c r="N23" s="9"/>
      <c r="O23" s="9"/>
      <c r="P23" s="15">
        <v>0</v>
      </c>
      <c r="Q23" s="15">
        <v>0</v>
      </c>
      <c r="R23" s="9"/>
      <c r="S23" s="9"/>
      <c r="T23" s="9"/>
      <c r="U23" s="15">
        <v>0</v>
      </c>
      <c r="V23" s="9"/>
      <c r="W23" s="9"/>
      <c r="X23" s="9"/>
      <c r="Y23" s="15">
        <v>0</v>
      </c>
      <c r="Z23" s="15">
        <v>0</v>
      </c>
      <c r="AA23" s="15">
        <v>0</v>
      </c>
      <c r="AB23" s="15">
        <v>0</v>
      </c>
      <c r="AC23" s="30" t="s">
        <v>33</v>
      </c>
      <c r="AD23" s="30" t="s">
        <v>33</v>
      </c>
      <c r="AE23" s="30" t="s">
        <v>33</v>
      </c>
      <c r="AF23" s="36">
        <v>0</v>
      </c>
    </row>
    <row r="24" spans="1:32" ht="20.100000000000001" customHeight="1" x14ac:dyDescent="0.15">
      <c r="A24" s="5">
        <v>7</v>
      </c>
      <c r="B24" s="9"/>
      <c r="C24" s="9"/>
      <c r="D24" s="15">
        <v>0</v>
      </c>
      <c r="E24" s="9"/>
      <c r="F24" s="9"/>
      <c r="G24" s="15">
        <v>0</v>
      </c>
      <c r="H24" s="15">
        <v>0</v>
      </c>
      <c r="I24" s="9"/>
      <c r="J24" s="9"/>
      <c r="K24" s="9"/>
      <c r="L24" s="15">
        <v>0</v>
      </c>
      <c r="M24" s="9"/>
      <c r="N24" s="9"/>
      <c r="O24" s="9"/>
      <c r="P24" s="15">
        <v>0</v>
      </c>
      <c r="Q24" s="15">
        <v>0</v>
      </c>
      <c r="R24" s="9"/>
      <c r="S24" s="9"/>
      <c r="T24" s="9"/>
      <c r="U24" s="15">
        <v>0</v>
      </c>
      <c r="V24" s="9"/>
      <c r="W24" s="9"/>
      <c r="X24" s="9"/>
      <c r="Y24" s="15">
        <v>0</v>
      </c>
      <c r="Z24" s="15">
        <v>0</v>
      </c>
      <c r="AA24" s="15">
        <v>0</v>
      </c>
      <c r="AB24" s="15">
        <v>0</v>
      </c>
      <c r="AC24" s="30" t="s">
        <v>33</v>
      </c>
      <c r="AD24" s="30" t="s">
        <v>33</v>
      </c>
      <c r="AE24" s="30" t="s">
        <v>33</v>
      </c>
      <c r="AF24" s="36">
        <v>0</v>
      </c>
    </row>
    <row r="25" spans="1:32" ht="20.100000000000001" customHeight="1" x14ac:dyDescent="0.15">
      <c r="A25" s="5">
        <v>8</v>
      </c>
      <c r="B25" s="9"/>
      <c r="C25" s="9"/>
      <c r="D25" s="15">
        <v>0</v>
      </c>
      <c r="E25" s="9"/>
      <c r="F25" s="9"/>
      <c r="G25" s="15">
        <v>0</v>
      </c>
      <c r="H25" s="15">
        <v>0</v>
      </c>
      <c r="I25" s="9"/>
      <c r="J25" s="9"/>
      <c r="K25" s="9"/>
      <c r="L25" s="15">
        <v>0</v>
      </c>
      <c r="M25" s="9"/>
      <c r="N25" s="9"/>
      <c r="O25" s="9"/>
      <c r="P25" s="15">
        <v>0</v>
      </c>
      <c r="Q25" s="15">
        <v>0</v>
      </c>
      <c r="R25" s="9"/>
      <c r="S25" s="9"/>
      <c r="T25" s="9"/>
      <c r="U25" s="15">
        <v>0</v>
      </c>
      <c r="V25" s="9"/>
      <c r="W25" s="9"/>
      <c r="X25" s="9"/>
      <c r="Y25" s="15">
        <v>0</v>
      </c>
      <c r="Z25" s="15">
        <v>0</v>
      </c>
      <c r="AA25" s="15">
        <v>0</v>
      </c>
      <c r="AB25" s="15">
        <v>0</v>
      </c>
      <c r="AC25" s="30" t="s">
        <v>33</v>
      </c>
      <c r="AD25" s="30" t="s">
        <v>33</v>
      </c>
      <c r="AE25" s="30" t="s">
        <v>33</v>
      </c>
      <c r="AF25" s="36">
        <v>0</v>
      </c>
    </row>
    <row r="26" spans="1:32" ht="20.100000000000001" customHeight="1" x14ac:dyDescent="0.15">
      <c r="A26" s="5">
        <v>9</v>
      </c>
      <c r="B26" s="9"/>
      <c r="C26" s="9"/>
      <c r="D26" s="15">
        <v>0</v>
      </c>
      <c r="E26" s="9"/>
      <c r="F26" s="9"/>
      <c r="G26" s="15">
        <v>0</v>
      </c>
      <c r="H26" s="15">
        <v>0</v>
      </c>
      <c r="I26" s="9"/>
      <c r="J26" s="9"/>
      <c r="K26" s="9"/>
      <c r="L26" s="15">
        <v>0</v>
      </c>
      <c r="M26" s="9"/>
      <c r="N26" s="9"/>
      <c r="O26" s="9"/>
      <c r="P26" s="15">
        <v>0</v>
      </c>
      <c r="Q26" s="15">
        <v>0</v>
      </c>
      <c r="R26" s="9"/>
      <c r="S26" s="9"/>
      <c r="T26" s="9"/>
      <c r="U26" s="15">
        <v>0</v>
      </c>
      <c r="V26" s="9"/>
      <c r="W26" s="9"/>
      <c r="X26" s="9"/>
      <c r="Y26" s="15">
        <v>0</v>
      </c>
      <c r="Z26" s="15">
        <v>0</v>
      </c>
      <c r="AA26" s="15">
        <v>0</v>
      </c>
      <c r="AB26" s="15">
        <v>0</v>
      </c>
      <c r="AC26" s="30" t="s">
        <v>33</v>
      </c>
      <c r="AD26" s="30" t="s">
        <v>33</v>
      </c>
      <c r="AE26" s="30" t="s">
        <v>33</v>
      </c>
      <c r="AF26" s="36">
        <v>0</v>
      </c>
    </row>
    <row r="27" spans="1:32" ht="20.100000000000001" customHeight="1" x14ac:dyDescent="0.15">
      <c r="A27" s="5">
        <v>10</v>
      </c>
      <c r="B27" s="9"/>
      <c r="C27" s="9"/>
      <c r="D27" s="15">
        <v>0</v>
      </c>
      <c r="E27" s="9"/>
      <c r="F27" s="9"/>
      <c r="G27" s="15">
        <v>0</v>
      </c>
      <c r="H27" s="15">
        <v>0</v>
      </c>
      <c r="I27" s="9"/>
      <c r="J27" s="9"/>
      <c r="K27" s="9"/>
      <c r="L27" s="15">
        <v>0</v>
      </c>
      <c r="M27" s="9"/>
      <c r="N27" s="9"/>
      <c r="O27" s="9"/>
      <c r="P27" s="15">
        <v>0</v>
      </c>
      <c r="Q27" s="15">
        <v>0</v>
      </c>
      <c r="R27" s="9"/>
      <c r="S27" s="9"/>
      <c r="T27" s="9"/>
      <c r="U27" s="15">
        <v>0</v>
      </c>
      <c r="V27" s="9"/>
      <c r="W27" s="9"/>
      <c r="X27" s="9"/>
      <c r="Y27" s="15">
        <v>0</v>
      </c>
      <c r="Z27" s="15">
        <v>0</v>
      </c>
      <c r="AA27" s="15">
        <v>0</v>
      </c>
      <c r="AB27" s="15">
        <v>0</v>
      </c>
      <c r="AC27" s="30" t="s">
        <v>33</v>
      </c>
      <c r="AD27" s="30" t="s">
        <v>33</v>
      </c>
      <c r="AE27" s="30" t="s">
        <v>33</v>
      </c>
      <c r="AF27" s="36">
        <v>0</v>
      </c>
    </row>
    <row r="28" spans="1:32" ht="20.100000000000001" customHeight="1" x14ac:dyDescent="0.15">
      <c r="A28" s="5">
        <v>11</v>
      </c>
      <c r="B28" s="9"/>
      <c r="C28" s="9"/>
      <c r="D28" s="15">
        <v>0</v>
      </c>
      <c r="E28" s="9"/>
      <c r="F28" s="9"/>
      <c r="G28" s="15">
        <v>0</v>
      </c>
      <c r="H28" s="15">
        <v>0</v>
      </c>
      <c r="I28" s="9"/>
      <c r="J28" s="9"/>
      <c r="K28" s="9"/>
      <c r="L28" s="15">
        <v>0</v>
      </c>
      <c r="M28" s="9"/>
      <c r="N28" s="9"/>
      <c r="O28" s="9"/>
      <c r="P28" s="15">
        <v>0</v>
      </c>
      <c r="Q28" s="15">
        <v>0</v>
      </c>
      <c r="R28" s="9"/>
      <c r="S28" s="9"/>
      <c r="T28" s="9"/>
      <c r="U28" s="15">
        <v>0</v>
      </c>
      <c r="V28" s="9"/>
      <c r="W28" s="9"/>
      <c r="X28" s="9"/>
      <c r="Y28" s="15">
        <v>0</v>
      </c>
      <c r="Z28" s="15">
        <v>0</v>
      </c>
      <c r="AA28" s="15">
        <v>0</v>
      </c>
      <c r="AB28" s="15">
        <v>0</v>
      </c>
      <c r="AC28" s="30" t="s">
        <v>33</v>
      </c>
      <c r="AD28" s="30" t="s">
        <v>33</v>
      </c>
      <c r="AE28" s="30" t="s">
        <v>33</v>
      </c>
      <c r="AF28" s="36">
        <v>0</v>
      </c>
    </row>
    <row r="29" spans="1:32" ht="20.100000000000001" customHeight="1" x14ac:dyDescent="0.15">
      <c r="A29" s="6">
        <v>12</v>
      </c>
      <c r="B29" s="10"/>
      <c r="C29" s="10"/>
      <c r="D29" s="16">
        <v>0</v>
      </c>
      <c r="E29" s="10"/>
      <c r="F29" s="10"/>
      <c r="G29" s="16">
        <v>0</v>
      </c>
      <c r="H29" s="16">
        <v>0</v>
      </c>
      <c r="I29" s="10"/>
      <c r="J29" s="10"/>
      <c r="K29" s="10"/>
      <c r="L29" s="16">
        <v>0</v>
      </c>
      <c r="M29" s="10"/>
      <c r="N29" s="10"/>
      <c r="O29" s="10"/>
      <c r="P29" s="16">
        <v>0</v>
      </c>
      <c r="Q29" s="16">
        <v>0</v>
      </c>
      <c r="R29" s="10"/>
      <c r="S29" s="10"/>
      <c r="T29" s="10"/>
      <c r="U29" s="16">
        <v>0</v>
      </c>
      <c r="V29" s="10"/>
      <c r="W29" s="10"/>
      <c r="X29" s="10"/>
      <c r="Y29" s="16">
        <v>0</v>
      </c>
      <c r="Z29" s="16">
        <v>0</v>
      </c>
      <c r="AA29" s="16">
        <v>0</v>
      </c>
      <c r="AB29" s="16">
        <v>0</v>
      </c>
      <c r="AC29" s="31" t="s">
        <v>33</v>
      </c>
      <c r="AD29" s="31" t="s">
        <v>33</v>
      </c>
      <c r="AE29" s="31" t="s">
        <v>33</v>
      </c>
      <c r="AF29" s="37">
        <v>0</v>
      </c>
    </row>
    <row r="30" spans="1:32" ht="20.100000000000001" customHeight="1" x14ac:dyDescent="0.15">
      <c r="A30" s="3" t="s">
        <v>0</v>
      </c>
      <c r="B30" s="11">
        <v>179</v>
      </c>
      <c r="C30" s="11">
        <v>179</v>
      </c>
      <c r="D30" s="11">
        <v>358</v>
      </c>
      <c r="E30" s="11">
        <v>506</v>
      </c>
      <c r="F30" s="11">
        <v>509</v>
      </c>
      <c r="G30" s="11">
        <v>1015</v>
      </c>
      <c r="H30" s="11">
        <v>-657</v>
      </c>
      <c r="I30" s="11">
        <v>666</v>
      </c>
      <c r="J30" s="11">
        <v>223</v>
      </c>
      <c r="K30" s="11">
        <v>234</v>
      </c>
      <c r="L30" s="11">
        <v>457</v>
      </c>
      <c r="M30" s="11">
        <v>876</v>
      </c>
      <c r="N30" s="11">
        <v>704</v>
      </c>
      <c r="O30" s="11">
        <v>493</v>
      </c>
      <c r="P30" s="11">
        <v>1197</v>
      </c>
      <c r="Q30" s="11">
        <v>1654</v>
      </c>
      <c r="R30" s="11">
        <v>805</v>
      </c>
      <c r="S30" s="11">
        <v>223</v>
      </c>
      <c r="T30" s="11">
        <v>168</v>
      </c>
      <c r="U30" s="11">
        <v>391</v>
      </c>
      <c r="V30" s="11">
        <v>749</v>
      </c>
      <c r="W30" s="11">
        <v>712</v>
      </c>
      <c r="X30" s="11">
        <v>505</v>
      </c>
      <c r="Y30" s="11">
        <v>1217</v>
      </c>
      <c r="Z30" s="11">
        <v>1608</v>
      </c>
      <c r="AA30" s="11">
        <v>46</v>
      </c>
      <c r="AB30" s="11">
        <v>-611</v>
      </c>
      <c r="AC30" s="32"/>
      <c r="AD30" s="32"/>
      <c r="AE30" s="32"/>
      <c r="AF30" s="38"/>
    </row>
    <row r="31" spans="1:32" x14ac:dyDescent="0.15"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</row>
    <row r="32" spans="1:32" x14ac:dyDescent="0.15">
      <c r="B32" s="12" t="s">
        <v>11</v>
      </c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AA32" s="17"/>
      <c r="AB32" s="27"/>
      <c r="AC32" s="27"/>
      <c r="AD32" s="27"/>
      <c r="AE32" s="27"/>
      <c r="AF32" s="27"/>
    </row>
    <row r="33" spans="2:2" x14ac:dyDescent="0.15">
      <c r="B33" s="12" t="s">
        <v>8</v>
      </c>
    </row>
    <row r="34" spans="2:2" x14ac:dyDescent="0.15">
      <c r="B34" s="12" t="s">
        <v>4</v>
      </c>
    </row>
    <row r="35" spans="2:2" x14ac:dyDescent="0.15">
      <c r="B35" s="12" t="s">
        <v>3</v>
      </c>
    </row>
  </sheetData>
  <mergeCells count="27">
    <mergeCell ref="AB15:AB16"/>
    <mergeCell ref="AC15:AF16"/>
    <mergeCell ref="I16:L16"/>
    <mergeCell ref="M16:P16"/>
    <mergeCell ref="R16:U16"/>
    <mergeCell ref="V16:Y16"/>
    <mergeCell ref="A14:A16"/>
    <mergeCell ref="B15:D16"/>
    <mergeCell ref="E15:G16"/>
    <mergeCell ref="H15:H16"/>
    <mergeCell ref="K12:X12"/>
    <mergeCell ref="B14:H14"/>
    <mergeCell ref="I14:AA14"/>
    <mergeCell ref="I15:Q15"/>
    <mergeCell ref="R15:Z15"/>
    <mergeCell ref="AA15:AA16"/>
    <mergeCell ref="M6:O6"/>
    <mergeCell ref="R6:T6"/>
    <mergeCell ref="R7:T7"/>
    <mergeCell ref="R8:T8"/>
    <mergeCell ref="M10:O10"/>
    <mergeCell ref="R10:T10"/>
    <mergeCell ref="M1:W1"/>
    <mergeCell ref="K3:O3"/>
    <mergeCell ref="P3:T3"/>
    <mergeCell ref="M5:O5"/>
    <mergeCell ref="R5:T5"/>
  </mergeCells>
  <phoneticPr fontId="1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3-04T04:01:18Z</dcterms:created>
  <dcterms:modified xsi:type="dcterms:W3CDTF">2026-03-27T02:37:5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3-04T04:01:18Z</vt:filetime>
  </property>
</Properties>
</file>